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17.xml" ContentType="application/vnd.openxmlformats-officedocument.presentationml.notesSlide+xml"/>
  <Override PartName="/ppt/tags/tag20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61" r:id="rId2"/>
    <p:sldId id="262" r:id="rId3"/>
    <p:sldId id="265" r:id="rId4"/>
    <p:sldId id="266" r:id="rId5"/>
    <p:sldId id="441" r:id="rId6"/>
    <p:sldId id="275" r:id="rId7"/>
    <p:sldId id="440" r:id="rId8"/>
    <p:sldId id="442" r:id="rId9"/>
    <p:sldId id="387" r:id="rId10"/>
    <p:sldId id="444" r:id="rId11"/>
    <p:sldId id="443" r:id="rId12"/>
    <p:sldId id="276" r:id="rId13"/>
    <p:sldId id="446" r:id="rId14"/>
    <p:sldId id="445" r:id="rId15"/>
    <p:sldId id="419" r:id="rId16"/>
    <p:sldId id="435" r:id="rId17"/>
    <p:sldId id="447" r:id="rId18"/>
    <p:sldId id="277" r:id="rId19"/>
    <p:sldId id="448" r:id="rId20"/>
    <p:sldId id="438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Calibri" panose="020F0502020204030204" pitchFamily="34" charset="0"/>
      <p:regular r:id="rId30"/>
      <p:bold r:id="rId31"/>
      <p:italic r:id="rId32"/>
      <p:boldItalic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  <p:embeddedFont>
      <p:font typeface="Wingdings 3" panose="05040102010807070707" pitchFamily="18" charset="2"/>
      <p:regular r:id="rId3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864" autoAdjust="0"/>
    <p:restoredTop sz="87034" autoAdjust="0"/>
  </p:normalViewPr>
  <p:slideViewPr>
    <p:cSldViewPr snapToObjects="1" showGuides="1">
      <p:cViewPr varScale="1">
        <p:scale>
          <a:sx n="78" d="100"/>
          <a:sy n="78" d="100"/>
        </p:scale>
        <p:origin x="1110" y="9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3.fntdata"/><Relationship Id="rId39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11.fntdata"/><Relationship Id="rId42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6.fntdata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font" Target="fonts/font14.fntdata"/><Relationship Id="rId40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166644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491069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290153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62212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972037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864178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947283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543698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eedback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Good/bad today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What about the general structure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Things you’d like to have explained again?/Go over?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64300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74858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41159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39243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37425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419186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16943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Disclaimer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New curriculum</a:t>
            </a:r>
          </a:p>
          <a:p>
            <a:pPr marL="1561887" lvl="2" indent="-342900">
              <a:buFont typeface="+mj-lt"/>
              <a:buAutoNum type="arabicPeriod"/>
            </a:pPr>
            <a:r>
              <a:rPr lang="en-US" dirty="0"/>
              <a:t>This course</a:t>
            </a:r>
          </a:p>
          <a:p>
            <a:pPr marL="1561887" lvl="2" indent="-342900">
              <a:buFont typeface="+mj-lt"/>
              <a:buAutoNum type="arabicPeriod"/>
            </a:pPr>
            <a:r>
              <a:rPr lang="en-US" dirty="0"/>
              <a:t>New course 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Limited by number of hours, and the fact that it is week to week</a:t>
            </a:r>
          </a:p>
          <a:p>
            <a:pPr marL="952393" lvl="1" indent="-342900">
              <a:buFont typeface="+mj-lt"/>
              <a:buAutoNum type="arabicPeriod"/>
            </a:pPr>
            <a:r>
              <a:rPr lang="en-US" dirty="0"/>
              <a:t>R a long time ago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02842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390129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08151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2087110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Bachelor of Cognitive Scienc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9564912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864566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ethods 3: Multilevel Statistical Modeling and Machine Learning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253893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 dirty="0"/>
              <a:t>01/09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36550001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Trenckner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 Septem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ethods 3: Multilevel Statistical Modeling and Machine Learning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30/09/2021</a:t>
            </a:fld>
            <a:r>
              <a:rPr lang="en-GB"/>
              <a:t>01/09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en-GB" dirty="0"/>
              <a:t>Methods 3: Multilevel Statistical </a:t>
            </a:r>
            <a:r>
              <a:rPr lang="en-GB" dirty="0" err="1"/>
              <a:t>modeling</a:t>
            </a:r>
            <a:r>
              <a:rPr lang="en-GB" dirty="0"/>
              <a:t> and Machine Lear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9005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1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006634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932018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892369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9005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1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69518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479373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ssignment tip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767066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-1898476" y="1483668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Break tim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6571619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B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09356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ssign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2542580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Wrap-up</a:t>
            </a: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F7181C8A-FF77-4F53-B3D9-56D6388BAD9F}"/>
              </a:ext>
            </a:extLst>
          </p:cNvPr>
          <p:cNvSpPr txBox="1">
            <a:spLocks/>
          </p:cNvSpPr>
          <p:nvPr/>
        </p:nvSpPr>
        <p:spPr bwMode="auto">
          <a:xfrm rot="20481198">
            <a:off x="6003423" y="4418434"/>
            <a:ext cx="7051973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r>
              <a:rPr lang="en-GB" sz="3600" kern="0" dirty="0"/>
              <a:t>feedback?</a:t>
            </a:r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BE9449D5-6FD7-4C26-AE9C-A16C07734467}"/>
              </a:ext>
            </a:extLst>
          </p:cNvPr>
          <p:cNvSpPr txBox="1">
            <a:spLocks/>
          </p:cNvSpPr>
          <p:nvPr/>
        </p:nvSpPr>
        <p:spPr bwMode="auto">
          <a:xfrm rot="20481198">
            <a:off x="-347669" y="4531524"/>
            <a:ext cx="7051973" cy="498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buFontTx/>
            </a:pPr>
            <a:endParaRPr lang="en-GB" sz="36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65098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urse Overview (first half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DEC321-7F76-4F74-A71A-237DB327938E}"/>
              </a:ext>
            </a:extLst>
          </p:cNvPr>
          <p:cNvSpPr txBox="1"/>
          <p:nvPr/>
        </p:nvSpPr>
        <p:spPr>
          <a:xfrm>
            <a:off x="549798" y="3516049"/>
            <a:ext cx="4948390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2: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odelling random effects – and how do they differ from fixed effects?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64828C-0AB7-4BB4-A176-72CB62379FA4}"/>
              </a:ext>
            </a:extLst>
          </p:cNvPr>
          <p:cNvSpPr txBox="1"/>
          <p:nvPr/>
        </p:nvSpPr>
        <p:spPr>
          <a:xfrm>
            <a:off x="549798" y="4935957"/>
            <a:ext cx="494838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3: Generalized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at to do when the response variable is not continuous?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94E5ED2-74CF-45BC-A892-8F833D882623}"/>
              </a:ext>
            </a:extLst>
          </p:cNvPr>
          <p:cNvSpPr txBox="1"/>
          <p:nvPr/>
        </p:nvSpPr>
        <p:spPr>
          <a:xfrm>
            <a:off x="6304636" y="2089466"/>
            <a:ext cx="4579939" cy="68730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4: Explanation and predi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y are good explanations sometimes bad?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549797" y="2090578"/>
            <a:ext cx="4947244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1: Introdu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etting up R and Python and recollection of the general linear model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771A4AE-3163-4EB5-A38E-F9BE1591FA3D}"/>
              </a:ext>
            </a:extLst>
          </p:cNvPr>
          <p:cNvSpPr txBox="1"/>
          <p:nvPr/>
        </p:nvSpPr>
        <p:spPr>
          <a:xfrm>
            <a:off x="6304635" y="4935956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all </a:t>
            </a:r>
            <a:r>
              <a:rPr lang="en-US" sz="1800" kern="0" dirty="0">
                <a:solidFill>
                  <a:srgbClr val="000000"/>
                </a:solidFill>
                <a:latin typeface="AU Passata"/>
              </a:rPr>
              <a:t>break: 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Machine Learning and Python programming follows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D6F67DC-ABE1-44FB-B888-921D00A75114}"/>
              </a:ext>
            </a:extLst>
          </p:cNvPr>
          <p:cNvSpPr txBox="1"/>
          <p:nvPr/>
        </p:nvSpPr>
        <p:spPr>
          <a:xfrm>
            <a:off x="6304636" y="3510485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5: Evaluating and comparing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How do we assess how models compare to one another?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11173999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urse Overview (first half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DEC321-7F76-4F74-A71A-237DB327938E}"/>
              </a:ext>
            </a:extLst>
          </p:cNvPr>
          <p:cNvSpPr txBox="1"/>
          <p:nvPr/>
        </p:nvSpPr>
        <p:spPr>
          <a:xfrm>
            <a:off x="549798" y="3516049"/>
            <a:ext cx="4948390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2: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odelling random effects – and how do they differ from fixed effects?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64828C-0AB7-4BB4-A176-72CB62379FA4}"/>
              </a:ext>
            </a:extLst>
          </p:cNvPr>
          <p:cNvSpPr txBox="1"/>
          <p:nvPr/>
        </p:nvSpPr>
        <p:spPr>
          <a:xfrm>
            <a:off x="549798" y="4935957"/>
            <a:ext cx="494838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3: Generalized Linear Mixed Effects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1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at to do when the response variable is not continuous?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94E5ED2-74CF-45BC-A892-8F833D882623}"/>
              </a:ext>
            </a:extLst>
          </p:cNvPr>
          <p:cNvSpPr txBox="1"/>
          <p:nvPr/>
        </p:nvSpPr>
        <p:spPr>
          <a:xfrm>
            <a:off x="6304636" y="2089466"/>
            <a:ext cx="4579939" cy="68730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4: Explanation and predi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hy are good explanations sometimes bad?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549797" y="2090578"/>
            <a:ext cx="4947244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1: Introduction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6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etting up R and Python and recollection of the general linear model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771A4AE-3163-4EB5-A38E-F9BE1591FA3D}"/>
              </a:ext>
            </a:extLst>
          </p:cNvPr>
          <p:cNvSpPr txBox="1"/>
          <p:nvPr/>
        </p:nvSpPr>
        <p:spPr>
          <a:xfrm>
            <a:off x="6304635" y="4935956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all </a:t>
            </a:r>
            <a:r>
              <a:rPr lang="en-US" sz="1800" kern="0" dirty="0">
                <a:solidFill>
                  <a:srgbClr val="000000"/>
                </a:solidFill>
                <a:latin typeface="AU Passata"/>
              </a:rPr>
              <a:t>break: 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Machine Learning and Python programming follows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D6F67DC-ABE1-44FB-B888-921D00A75114}"/>
              </a:ext>
            </a:extLst>
          </p:cNvPr>
          <p:cNvSpPr txBox="1"/>
          <p:nvPr/>
        </p:nvSpPr>
        <p:spPr>
          <a:xfrm>
            <a:off x="6304636" y="3510485"/>
            <a:ext cx="4579939" cy="9310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W5: Evaluating and comparing models</a:t>
            </a:r>
          </a:p>
          <a:p>
            <a:pPr marL="0" marR="0" lvl="0" indent="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en-US" sz="1600" i="1" kern="0" dirty="0">
                <a:solidFill>
                  <a:srgbClr val="000000"/>
                </a:solidFill>
                <a:latin typeface="AU Passata"/>
              </a:rPr>
              <a:t>How do we assess how models compare to one another?</a:t>
            </a:r>
            <a:endParaRPr kumimoji="0" lang="en-US" sz="1600" b="0" i="1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7275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9333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35222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Catch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85492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atch-up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9433048" cy="13430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How has it been with the last assignment?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endParaRPr lang="en-US" sz="2400" kern="0" dirty="0">
              <a:solidFill>
                <a:srgbClr val="000000"/>
              </a:solidFill>
              <a:latin typeface="AU Passata"/>
            </a:endParaRP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Disclaim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26541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days plan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E399E39-832B-4433-AB8D-97D9C574ABC1}"/>
              </a:ext>
            </a:extLst>
          </p:cNvPr>
          <p:cNvSpPr txBox="1"/>
          <p:nvPr/>
        </p:nvSpPr>
        <p:spPr>
          <a:xfrm>
            <a:off x="1053852" y="1844824"/>
            <a:ext cx="4947244" cy="26707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b="1" kern="0" dirty="0">
                <a:solidFill>
                  <a:srgbClr val="FF0000"/>
                </a:solidFill>
                <a:latin typeface="AU Passata"/>
              </a:rPr>
              <a:t>Catch-up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</a:t>
            </a:r>
          </a:p>
          <a:p>
            <a:pPr marL="285750" marR="0" lvl="0" indent="-285750" algn="l" defTabSz="914400" rtl="0" eaLnBrk="1" fontAlgn="base" latinLnBrk="0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B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tips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Assignment work</a:t>
            </a:r>
          </a:p>
          <a:p>
            <a:pPr marL="285750" indent="-285750">
              <a:lnSpc>
                <a:spcPct val="99000"/>
              </a:lnSpc>
              <a:spcBef>
                <a:spcPts val="600"/>
              </a:spcBef>
              <a:buClr>
                <a:srgbClr val="000000"/>
              </a:buClr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2400" kern="0" dirty="0">
                <a:solidFill>
                  <a:srgbClr val="000000"/>
                </a:solidFill>
                <a:latin typeface="AU Passata"/>
              </a:rPr>
              <a:t>Wrap-u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1965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3740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7</Words>
  <Application>Microsoft Office PowerPoint</Application>
  <PresentationFormat>Custom</PresentationFormat>
  <Paragraphs>115</Paragraphs>
  <Slides>20</Slides>
  <Notes>1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8" baseType="lpstr">
      <vt:lpstr>Calibri</vt:lpstr>
      <vt:lpstr>Georgia</vt:lpstr>
      <vt:lpstr>Arial</vt:lpstr>
      <vt:lpstr>AU Peto</vt:lpstr>
      <vt:lpstr>Wingdings 3</vt:lpstr>
      <vt:lpstr>AU Passata Light</vt:lpstr>
      <vt:lpstr>AU Passata</vt:lpstr>
      <vt:lpstr>AU 16:9</vt:lpstr>
      <vt:lpstr>Methods 3: Multilevel Statistical modeling and Machine Learning</vt:lpstr>
      <vt:lpstr>Course Overview (first half)</vt:lpstr>
      <vt:lpstr>Course Overview (first half)</vt:lpstr>
      <vt:lpstr>Todays plan</vt:lpstr>
      <vt:lpstr>Todays plan</vt:lpstr>
      <vt:lpstr>Catch-up</vt:lpstr>
      <vt:lpstr>catch-up</vt:lpstr>
      <vt:lpstr>Todays plan</vt:lpstr>
      <vt:lpstr>A</vt:lpstr>
      <vt:lpstr>A</vt:lpstr>
      <vt:lpstr>Todays plan</vt:lpstr>
      <vt:lpstr>B</vt:lpstr>
      <vt:lpstr>B</vt:lpstr>
      <vt:lpstr>Todays plan</vt:lpstr>
      <vt:lpstr>assignment tips</vt:lpstr>
      <vt:lpstr>Break time</vt:lpstr>
      <vt:lpstr>Todays plan</vt:lpstr>
      <vt:lpstr>Assignment</vt:lpstr>
      <vt:lpstr>Wrap-up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9-30T15:02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6119284735410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592</vt:lpwstr>
  </property>
  <property fmtid="{D5CDD505-2E9C-101B-9397-08002B2CF9AE}" pid="62" name="colorthemechange">
    <vt:lpwstr>True</vt:lpwstr>
  </property>
</Properties>
</file>